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er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poster, Lettertype, Graphics&#10;&#10;Automatisch gegenereerde beschrijving">
            <a:extLst>
              <a:ext uri="{FF2B5EF4-FFF2-40B4-BE49-F238E27FC236}">
                <a16:creationId xmlns:a16="http://schemas.microsoft.com/office/drawing/2014/main" id="{282CFEBF-DEFE-04F6-6671-4103782187B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853171"/>
            <a:ext cx="2110647" cy="174761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poster, Lettertype, Graphics&#10;&#10;Automatisch gegenereerde beschrijving">
            <a:extLst>
              <a:ext uri="{FF2B5EF4-FFF2-40B4-BE49-F238E27FC236}">
                <a16:creationId xmlns:a16="http://schemas.microsoft.com/office/drawing/2014/main" id="{F3986C39-30A0-48F0-E64E-F5674643AEA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51146" y="4225029"/>
            <a:ext cx="1322371" cy="109492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7-15T09:30:50Z</dcterms:modified>
</cp:coreProperties>
</file>